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112_2023 Jednorázový bronchoskop\02. Príprava\05. PTK\01. Odoslanie PTK\"/>
    </mc:Choice>
  </mc:AlternateContent>
  <bookViews>
    <workbookView xWindow="0" yWindow="0" windowWidth="20730" windowHeight="11760"/>
  </bookViews>
  <sheets>
    <sheet name="Príloha č. 1" sheetId="3" r:id="rId1"/>
  </sheets>
  <definedNames>
    <definedName name="_xlnm.Print_Area" localSheetId="0">'Príloha č. 1'!$A$1:$N$3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3" l="1"/>
  <c r="K8" i="3"/>
  <c r="L8" i="3" s="1"/>
  <c r="N8" i="3" s="1"/>
  <c r="K7" i="3"/>
  <c r="L7" i="3" s="1"/>
  <c r="N7" i="3" s="1"/>
  <c r="M7" i="3" l="1"/>
  <c r="N9" i="3" l="1"/>
  <c r="M9" i="3"/>
</calcChain>
</file>

<file path=xl/sharedStrings.xml><?xml version="1.0" encoding="utf-8"?>
<sst xmlns="http://schemas.openxmlformats.org/spreadsheetml/2006/main" count="109" uniqueCount="60">
  <si>
    <t>1.</t>
  </si>
  <si>
    <t>Dňa:</t>
  </si>
  <si>
    <t>V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>2</t>
  </si>
  <si>
    <t xml:space="preserve">Jednotková cena v EUR </t>
  </si>
  <si>
    <t>SPOLU:</t>
  </si>
  <si>
    <t xml:space="preserve">Požadované množstvo MJ   </t>
  </si>
  <si>
    <t>Sortiment položky č. 1 -  Bronchoskop veľkosť 5.0/2.2 - veľkosť 2</t>
  </si>
  <si>
    <t>Jednorázový bronchoskop</t>
  </si>
  <si>
    <t>Bronchoskop veľkosť 5.6/2.8</t>
  </si>
  <si>
    <t>Sortiment položky č. 2 -  Bronchoskop veľkosť 5.6/2.8</t>
  </si>
  <si>
    <t>Obchodné meno/Názov uchádzača:</t>
  </si>
  <si>
    <t>Sídlo/Miesto podnikania:</t>
  </si>
  <si>
    <r>
      <t>Požadované množstvo MJ  na obdobie</t>
    </r>
    <r>
      <rPr>
        <b/>
        <sz val="9"/>
        <color rgb="FFFF0000"/>
        <rFont val="Arial"/>
        <family val="2"/>
        <charset val="238"/>
      </rPr>
      <t xml:space="preserve"> 24 mesiacov</t>
    </r>
  </si>
  <si>
    <t>Výška DPH</t>
  </si>
  <si>
    <t>Celková cena za požadované 
 množstvo MJ v EUR</t>
  </si>
  <si>
    <t>Bronchoskop veľkosť 5.0/2.2 - veľkosť 2</t>
  </si>
  <si>
    <t>200</t>
  </si>
  <si>
    <t>1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4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63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7" xfId="0" applyFont="1" applyFill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0" fontId="2" fillId="0" borderId="31" xfId="0" applyFont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38" xfId="0" applyNumberFormat="1" applyFont="1" applyFill="1" applyBorder="1" applyAlignment="1" applyProtection="1">
      <alignment horizontal="right" vertical="center"/>
      <protection locked="0"/>
    </xf>
    <xf numFmtId="164" fontId="2" fillId="4" borderId="37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3" xfId="0" applyNumberFormat="1" applyFont="1" applyBorder="1" applyAlignment="1" applyProtection="1">
      <alignment horizontal="right" vertical="center" wrapText="1"/>
      <protection locked="0"/>
    </xf>
    <xf numFmtId="164" fontId="2" fillId="0" borderId="33" xfId="0" applyNumberFormat="1" applyFont="1" applyBorder="1" applyAlignment="1" applyProtection="1">
      <alignment horizontal="right" vertical="center" wrapText="1"/>
      <protection locked="0"/>
    </xf>
    <xf numFmtId="9" fontId="2" fillId="0" borderId="25" xfId="0" applyNumberFormat="1" applyFont="1" applyBorder="1" applyAlignment="1" applyProtection="1">
      <alignment horizontal="center" vertical="center" wrapText="1"/>
      <protection locked="0"/>
    </xf>
    <xf numFmtId="164" fontId="2" fillId="0" borderId="39" xfId="0" applyNumberFormat="1" applyFont="1" applyBorder="1" applyAlignment="1" applyProtection="1">
      <alignment horizontal="right" vertical="center" wrapText="1"/>
      <protection locked="0"/>
    </xf>
    <xf numFmtId="9" fontId="2" fillId="0" borderId="41" xfId="0" applyNumberFormat="1" applyFont="1" applyBorder="1" applyAlignment="1" applyProtection="1">
      <alignment horizontal="center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4" fontId="2" fillId="0" borderId="42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12" fillId="0" borderId="18" xfId="0" applyFont="1" applyBorder="1" applyAlignment="1">
      <alignment horizontal="center" vertic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2" fillId="5" borderId="31" xfId="0" applyFont="1" applyFill="1" applyBorder="1" applyAlignment="1" applyProtection="1">
      <alignment horizontal="center" vertical="center" wrapText="1"/>
      <protection locked="0"/>
    </xf>
    <xf numFmtId="164" fontId="2" fillId="0" borderId="4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47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top" wrapText="1"/>
      <protection locked="0"/>
    </xf>
    <xf numFmtId="49" fontId="3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Fill="1" applyBorder="1" applyAlignment="1" applyProtection="1">
      <alignment horizontal="left" vertical="center" wrapText="1"/>
      <protection locked="0"/>
    </xf>
    <xf numFmtId="10" fontId="12" fillId="0" borderId="18" xfId="0" applyNumberFormat="1" applyFont="1" applyBorder="1" applyAlignment="1">
      <alignment horizontal="center" vertical="center" wrapText="1"/>
    </xf>
    <xf numFmtId="164" fontId="12" fillId="0" borderId="18" xfId="0" applyNumberFormat="1" applyFont="1" applyBorder="1" applyAlignment="1">
      <alignment horizontal="center" vertical="center" wrapText="1"/>
    </xf>
    <xf numFmtId="0" fontId="19" fillId="2" borderId="3" xfId="0" applyFont="1" applyFill="1" applyBorder="1" applyAlignment="1" applyProtection="1">
      <alignment horizontal="center" vertical="center" wrapText="1"/>
      <protection locked="0"/>
    </xf>
    <xf numFmtId="0" fontId="19" fillId="2" borderId="28" xfId="0" applyFont="1" applyFill="1" applyBorder="1" applyAlignment="1" applyProtection="1">
      <alignment horizontal="center" vertical="top" wrapText="1"/>
      <protection locked="0"/>
    </xf>
    <xf numFmtId="0" fontId="19" fillId="2" borderId="3" xfId="0" applyFont="1" applyFill="1" applyBorder="1" applyAlignment="1" applyProtection="1">
      <alignment horizontal="center" vertical="top" wrapText="1"/>
      <protection locked="0"/>
    </xf>
    <xf numFmtId="0" fontId="19" fillId="2" borderId="43" xfId="0" applyFont="1" applyFill="1" applyBorder="1" applyAlignment="1" applyProtection="1">
      <alignment horizontal="center" vertical="top" wrapText="1"/>
      <protection locked="0"/>
    </xf>
    <xf numFmtId="0" fontId="19" fillId="2" borderId="44" xfId="0" applyFont="1" applyFill="1" applyBorder="1" applyAlignment="1" applyProtection="1">
      <alignment horizontal="center" vertical="top" wrapText="1"/>
      <protection locked="0"/>
    </xf>
    <xf numFmtId="0" fontId="19" fillId="2" borderId="8" xfId="0" applyFont="1" applyFill="1" applyBorder="1" applyAlignment="1" applyProtection="1">
      <alignment horizontal="center" vertical="top" wrapText="1"/>
      <protection locked="0"/>
    </xf>
    <xf numFmtId="0" fontId="19" fillId="2" borderId="8" xfId="0" applyFont="1" applyFill="1" applyBorder="1" applyAlignment="1" applyProtection="1">
      <alignment horizontal="center" vertical="center" wrapText="1"/>
      <protection locked="0"/>
    </xf>
    <xf numFmtId="0" fontId="19" fillId="2" borderId="9" xfId="0" applyFont="1" applyFill="1" applyBorder="1" applyAlignment="1" applyProtection="1">
      <alignment horizontal="center" vertical="center" wrapText="1"/>
      <protection locked="0"/>
    </xf>
    <xf numFmtId="0" fontId="19" fillId="2" borderId="32" xfId="0" applyFont="1" applyFill="1" applyBorder="1" applyAlignment="1" applyProtection="1">
      <alignment horizontal="center" vertical="center" wrapText="1"/>
      <protection locked="0"/>
    </xf>
    <xf numFmtId="0" fontId="19" fillId="2" borderId="35" xfId="0" applyFont="1" applyFill="1" applyBorder="1" applyAlignment="1" applyProtection="1">
      <alignment horizontal="center" vertical="top" wrapText="1"/>
      <protection locked="0"/>
    </xf>
    <xf numFmtId="3" fontId="4" fillId="0" borderId="18" xfId="0" applyNumberFormat="1" applyFont="1" applyFill="1" applyBorder="1" applyAlignment="1">
      <alignment horizontal="center" vertical="center" wrapText="1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17" fillId="0" borderId="0" xfId="0" applyNumberFormat="1" applyFont="1" applyAlignment="1">
      <alignment horizontal="left" vertical="center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13" xfId="0" applyFont="1" applyFill="1" applyBorder="1" applyAlignment="1" applyProtection="1">
      <alignment horizontal="center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4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49" fontId="3" fillId="0" borderId="36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4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20" xfId="0" applyNumberFormat="1" applyFont="1" applyFill="1" applyBorder="1" applyAlignment="1" applyProtection="1">
      <alignment horizontal="center" vertical="center" wrapText="1"/>
      <protection locked="0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3" fontId="20" fillId="0" borderId="18" xfId="0" applyNumberFormat="1" applyFont="1" applyFill="1" applyBorder="1" applyAlignment="1">
      <alignment horizontal="center" vertical="center" wrapText="1"/>
    </xf>
    <xf numFmtId="49" fontId="18" fillId="0" borderId="36" xfId="0" applyNumberFormat="1" applyFont="1" applyFill="1" applyBorder="1" applyAlignment="1" applyProtection="1">
      <alignment horizontal="center" vertical="center" wrapText="1"/>
      <protection locked="0"/>
    </xf>
    <xf numFmtId="49" fontId="18" fillId="0" borderId="4" xfId="0" applyNumberFormat="1" applyFont="1" applyFill="1" applyBorder="1" applyAlignment="1" applyProtection="1">
      <alignment horizontal="center" vertical="center" wrapText="1"/>
      <protection locked="0"/>
    </xf>
    <xf numFmtId="49" fontId="18" fillId="0" borderId="20" xfId="0" applyNumberFormat="1" applyFont="1" applyFill="1" applyBorder="1" applyAlignment="1" applyProtection="1">
      <alignment horizontal="center" vertical="center" wrapText="1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K43"/>
  <sheetViews>
    <sheetView showGridLines="0" tabSelected="1" zoomScale="80" zoomScaleNormal="80" workbookViewId="0">
      <selection activeCell="A3" sqref="A3:M3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2" width="14.7109375" style="9" customWidth="1"/>
    <col min="13" max="15" width="14.7109375" style="5" customWidth="1"/>
    <col min="16" max="16384" width="9.140625" style="5"/>
  </cols>
  <sheetData>
    <row r="1" spans="1:63" s="37" customFormat="1" ht="20.100000000000001" customHeight="1" x14ac:dyDescent="0.2">
      <c r="A1" s="128" t="s">
        <v>22</v>
      </c>
      <c r="B1" s="128"/>
      <c r="C1" s="128"/>
      <c r="D1" s="128"/>
      <c r="E1" s="128"/>
      <c r="F1" s="128"/>
      <c r="G1" s="128"/>
      <c r="H1" s="128"/>
      <c r="I1" s="128"/>
      <c r="J1" s="128"/>
      <c r="K1" s="128"/>
      <c r="L1" s="128"/>
      <c r="M1" s="128"/>
      <c r="N1" s="128"/>
      <c r="O1" s="5"/>
      <c r="P1" s="5"/>
      <c r="Q1" s="5"/>
      <c r="R1" s="5"/>
      <c r="S1" s="5"/>
      <c r="T1" s="5"/>
      <c r="U1" s="5"/>
      <c r="V1" s="5"/>
      <c r="W1" s="36"/>
    </row>
    <row r="2" spans="1:63" ht="24.95" customHeight="1" x14ac:dyDescent="0.2">
      <c r="A2" s="24" t="s">
        <v>7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63" ht="30.75" customHeight="1" x14ac:dyDescent="0.2">
      <c r="A3" s="134" t="s">
        <v>49</v>
      </c>
      <c r="B3" s="134"/>
      <c r="C3" s="134"/>
      <c r="D3" s="134"/>
      <c r="E3" s="134"/>
      <c r="F3" s="134"/>
      <c r="G3" s="134"/>
      <c r="H3" s="134"/>
      <c r="I3" s="134"/>
      <c r="J3" s="134"/>
      <c r="K3" s="134"/>
      <c r="L3" s="134"/>
      <c r="M3" s="134"/>
    </row>
    <row r="4" spans="1:63" s="43" customFormat="1" ht="40.5" customHeight="1" x14ac:dyDescent="0.25">
      <c r="A4" s="135" t="s">
        <v>23</v>
      </c>
      <c r="B4" s="137" t="s">
        <v>24</v>
      </c>
      <c r="C4" s="135" t="s">
        <v>41</v>
      </c>
      <c r="D4" s="141" t="s">
        <v>54</v>
      </c>
      <c r="E4" s="157" t="s">
        <v>28</v>
      </c>
      <c r="F4" s="157" t="s">
        <v>29</v>
      </c>
      <c r="G4" s="157" t="s">
        <v>30</v>
      </c>
      <c r="H4" s="72" t="s">
        <v>31</v>
      </c>
      <c r="I4" s="155" t="s">
        <v>45</v>
      </c>
      <c r="J4" s="139"/>
      <c r="K4" s="139"/>
      <c r="L4" s="140"/>
      <c r="M4" s="139" t="s">
        <v>56</v>
      </c>
      <c r="N4" s="140"/>
      <c r="P4" s="49"/>
      <c r="Q4" s="49"/>
    </row>
    <row r="5" spans="1:63" s="43" customFormat="1" ht="33" customHeight="1" x14ac:dyDescent="0.25">
      <c r="A5" s="136"/>
      <c r="B5" s="138"/>
      <c r="C5" s="136"/>
      <c r="D5" s="142"/>
      <c r="E5" s="158"/>
      <c r="F5" s="158"/>
      <c r="G5" s="158"/>
      <c r="H5" s="73"/>
      <c r="I5" s="74" t="s">
        <v>25</v>
      </c>
      <c r="J5" s="75" t="s">
        <v>32</v>
      </c>
      <c r="K5" s="108" t="s">
        <v>55</v>
      </c>
      <c r="L5" s="76" t="s">
        <v>27</v>
      </c>
      <c r="M5" s="77" t="s">
        <v>25</v>
      </c>
      <c r="N5" s="78" t="s">
        <v>27</v>
      </c>
      <c r="P5" s="49"/>
      <c r="Q5" s="49"/>
    </row>
    <row r="6" spans="1:63" s="44" customFormat="1" ht="14.1" customHeight="1" x14ac:dyDescent="0.25">
      <c r="A6" s="117" t="s">
        <v>0</v>
      </c>
      <c r="B6" s="117" t="s">
        <v>10</v>
      </c>
      <c r="C6" s="117" t="s">
        <v>11</v>
      </c>
      <c r="D6" s="117" t="s">
        <v>12</v>
      </c>
      <c r="E6" s="117" t="s">
        <v>13</v>
      </c>
      <c r="F6" s="117" t="s">
        <v>14</v>
      </c>
      <c r="G6" s="117" t="s">
        <v>15</v>
      </c>
      <c r="H6" s="117" t="s">
        <v>16</v>
      </c>
      <c r="I6" s="117" t="s">
        <v>17</v>
      </c>
      <c r="J6" s="117" t="s">
        <v>33</v>
      </c>
      <c r="K6" s="117" t="s">
        <v>34</v>
      </c>
      <c r="L6" s="117"/>
      <c r="M6" s="117" t="s">
        <v>35</v>
      </c>
      <c r="N6" s="117" t="s">
        <v>36</v>
      </c>
      <c r="P6" s="52"/>
      <c r="Q6" s="52"/>
    </row>
    <row r="7" spans="1:63" s="45" customFormat="1" ht="39.75" customHeight="1" x14ac:dyDescent="0.25">
      <c r="A7" s="53" t="s">
        <v>0</v>
      </c>
      <c r="B7" s="54" t="s">
        <v>57</v>
      </c>
      <c r="C7" s="53" t="s">
        <v>43</v>
      </c>
      <c r="D7" s="159">
        <v>10</v>
      </c>
      <c r="E7" s="103"/>
      <c r="F7" s="103"/>
      <c r="G7" s="103"/>
      <c r="H7" s="103"/>
      <c r="I7" s="116"/>
      <c r="J7" s="115"/>
      <c r="K7" s="110">
        <f>I7*J7</f>
        <v>0</v>
      </c>
      <c r="L7" s="109">
        <f>I7+K7</f>
        <v>0</v>
      </c>
      <c r="M7" s="55">
        <f t="shared" ref="M7:M8" si="0">D7*I7</f>
        <v>0</v>
      </c>
      <c r="N7" s="56">
        <f>D7*L7</f>
        <v>0</v>
      </c>
      <c r="P7" s="52"/>
      <c r="Q7" s="52"/>
    </row>
    <row r="8" spans="1:63" s="45" customFormat="1" ht="39.75" customHeight="1" thickBot="1" x14ac:dyDescent="0.3">
      <c r="A8" s="53" t="s">
        <v>44</v>
      </c>
      <c r="B8" s="54" t="s">
        <v>50</v>
      </c>
      <c r="C8" s="53" t="s">
        <v>43</v>
      </c>
      <c r="D8" s="127">
        <v>200</v>
      </c>
      <c r="E8" s="103"/>
      <c r="F8" s="103"/>
      <c r="G8" s="103"/>
      <c r="H8" s="103"/>
      <c r="I8" s="116"/>
      <c r="J8" s="115"/>
      <c r="K8" s="110">
        <f>I8*J8</f>
        <v>0</v>
      </c>
      <c r="L8" s="109">
        <f>I8+K8</f>
        <v>0</v>
      </c>
      <c r="M8" s="55">
        <f t="shared" si="0"/>
        <v>0</v>
      </c>
      <c r="N8" s="56">
        <f>D8*L8</f>
        <v>0</v>
      </c>
      <c r="P8" s="52"/>
      <c r="Q8" s="52"/>
    </row>
    <row r="9" spans="1:63" s="46" customFormat="1" ht="33" customHeight="1" thickBot="1" x14ac:dyDescent="0.3">
      <c r="A9" s="57"/>
      <c r="B9" s="58"/>
      <c r="C9" s="58"/>
      <c r="D9" s="58"/>
      <c r="E9" s="59"/>
      <c r="F9" s="59"/>
      <c r="G9" s="59"/>
      <c r="H9" s="59"/>
      <c r="I9" s="58"/>
      <c r="J9" s="58"/>
      <c r="K9" s="100" t="s">
        <v>46</v>
      </c>
      <c r="L9" s="100"/>
      <c r="M9" s="88">
        <f>SUM(M7:M8)</f>
        <v>0</v>
      </c>
      <c r="N9" s="89">
        <f>SUM(N7:N8)</f>
        <v>0</v>
      </c>
      <c r="P9" s="60"/>
      <c r="Q9" s="60"/>
    </row>
    <row r="10" spans="1:63" s="46" customFormat="1" ht="12" customHeight="1" x14ac:dyDescent="0.25">
      <c r="A10" s="57"/>
      <c r="B10" s="58"/>
      <c r="C10" s="58"/>
      <c r="D10" s="58"/>
      <c r="E10" s="59"/>
      <c r="F10" s="59"/>
      <c r="G10" s="59"/>
      <c r="H10" s="59"/>
      <c r="I10" s="58"/>
      <c r="J10" s="58"/>
      <c r="K10" s="100"/>
      <c r="L10" s="100"/>
      <c r="M10" s="104"/>
      <c r="N10" s="104"/>
      <c r="P10" s="60"/>
      <c r="Q10" s="60"/>
    </row>
    <row r="11" spans="1:63" s="47" customFormat="1" ht="29.25" customHeight="1" x14ac:dyDescent="0.25">
      <c r="A11" s="131" t="s">
        <v>48</v>
      </c>
      <c r="B11" s="131"/>
      <c r="C11" s="131"/>
      <c r="D11" s="131"/>
      <c r="E11" s="131"/>
      <c r="F11" s="131"/>
      <c r="G11" s="131"/>
      <c r="H11" s="131"/>
      <c r="I11" s="131"/>
      <c r="J11" s="131"/>
      <c r="K11" s="131"/>
      <c r="L11" s="102"/>
      <c r="M11" s="61"/>
      <c r="N11" s="61"/>
      <c r="O11" s="61"/>
      <c r="P11" s="61"/>
      <c r="Q11" s="61"/>
    </row>
    <row r="12" spans="1:63" s="38" customFormat="1" ht="33" customHeight="1" x14ac:dyDescent="0.25">
      <c r="A12" s="132" t="s">
        <v>23</v>
      </c>
      <c r="B12" s="132" t="s">
        <v>37</v>
      </c>
      <c r="C12" s="132" t="s">
        <v>38</v>
      </c>
      <c r="D12" s="132" t="s">
        <v>29</v>
      </c>
      <c r="E12" s="132" t="s">
        <v>31</v>
      </c>
      <c r="F12" s="132" t="s">
        <v>39</v>
      </c>
      <c r="G12" s="132" t="s">
        <v>40</v>
      </c>
      <c r="H12" s="129" t="s">
        <v>42</v>
      </c>
      <c r="I12" s="130"/>
      <c r="J12" s="130"/>
      <c r="K12" s="144" t="s">
        <v>47</v>
      </c>
      <c r="L12" s="107"/>
      <c r="M12" s="143"/>
      <c r="N12" s="143"/>
      <c r="O12" s="49"/>
      <c r="P12" s="49"/>
      <c r="Q12" s="49"/>
    </row>
    <row r="13" spans="1:63" s="38" customFormat="1" ht="23.25" customHeight="1" x14ac:dyDescent="0.25">
      <c r="A13" s="133"/>
      <c r="B13" s="133"/>
      <c r="C13" s="133"/>
      <c r="D13" s="133"/>
      <c r="E13" s="133"/>
      <c r="F13" s="133"/>
      <c r="G13" s="133"/>
      <c r="H13" s="50" t="s">
        <v>25</v>
      </c>
      <c r="I13" s="51" t="s">
        <v>26</v>
      </c>
      <c r="J13" s="85" t="s">
        <v>27</v>
      </c>
      <c r="K13" s="145"/>
      <c r="L13" s="107"/>
      <c r="M13" s="86"/>
      <c r="N13" s="86"/>
      <c r="O13" s="49"/>
      <c r="P13" s="49"/>
      <c r="Q13" s="49"/>
    </row>
    <row r="14" spans="1:63" s="39" customFormat="1" ht="14.1" customHeight="1" x14ac:dyDescent="0.25">
      <c r="A14" s="118" t="s">
        <v>0</v>
      </c>
      <c r="B14" s="119" t="s">
        <v>10</v>
      </c>
      <c r="C14" s="119" t="s">
        <v>11</v>
      </c>
      <c r="D14" s="120" t="s">
        <v>12</v>
      </c>
      <c r="E14" s="121" t="s">
        <v>13</v>
      </c>
      <c r="F14" s="122" t="s">
        <v>14</v>
      </c>
      <c r="G14" s="117" t="s">
        <v>15</v>
      </c>
      <c r="H14" s="123" t="s">
        <v>16</v>
      </c>
      <c r="I14" s="124" t="s">
        <v>17</v>
      </c>
      <c r="J14" s="125" t="s">
        <v>33</v>
      </c>
      <c r="K14" s="126" t="s">
        <v>34</v>
      </c>
      <c r="L14" s="111"/>
      <c r="M14" s="86"/>
      <c r="N14" s="86"/>
      <c r="O14" s="62"/>
      <c r="P14" s="62"/>
      <c r="Q14" s="62"/>
      <c r="R14" s="48"/>
      <c r="S14" s="48"/>
      <c r="T14" s="48"/>
      <c r="U14" s="48"/>
      <c r="V14" s="48"/>
      <c r="W14" s="48"/>
      <c r="X14" s="48"/>
      <c r="Y14" s="48"/>
      <c r="Z14" s="48"/>
      <c r="AA14" s="48"/>
      <c r="AB14" s="48"/>
      <c r="AC14" s="48"/>
      <c r="AD14" s="48"/>
      <c r="AE14" s="48"/>
      <c r="AF14" s="48"/>
      <c r="AG14" s="48"/>
      <c r="AH14" s="48"/>
      <c r="AI14" s="48"/>
      <c r="AJ14" s="48"/>
      <c r="AK14" s="48"/>
      <c r="AL14" s="48"/>
      <c r="AM14" s="48"/>
      <c r="AN14" s="48"/>
      <c r="AO14" s="48"/>
      <c r="AP14" s="48"/>
      <c r="AQ14" s="48"/>
      <c r="AR14" s="48"/>
      <c r="AS14" s="48"/>
      <c r="AT14" s="48"/>
      <c r="AU14" s="48"/>
      <c r="AV14" s="48"/>
      <c r="AW14" s="48"/>
      <c r="AX14" s="48"/>
      <c r="AY14" s="48"/>
      <c r="AZ14" s="48"/>
      <c r="BA14" s="48"/>
      <c r="BB14" s="48"/>
      <c r="BC14" s="48"/>
      <c r="BD14" s="48"/>
      <c r="BE14" s="48"/>
      <c r="BF14" s="48"/>
      <c r="BG14" s="48"/>
      <c r="BH14" s="48"/>
      <c r="BI14" s="48"/>
      <c r="BJ14" s="48"/>
      <c r="BK14" s="48"/>
    </row>
    <row r="15" spans="1:63" s="40" customFormat="1" ht="33" customHeight="1" x14ac:dyDescent="0.25">
      <c r="A15" s="81" t="s">
        <v>0</v>
      </c>
      <c r="B15" s="63"/>
      <c r="C15" s="64"/>
      <c r="D15" s="79"/>
      <c r="E15" s="79"/>
      <c r="F15" s="79"/>
      <c r="G15" s="79"/>
      <c r="H15" s="92"/>
      <c r="I15" s="94"/>
      <c r="J15" s="93"/>
      <c r="K15" s="160" t="s">
        <v>59</v>
      </c>
      <c r="L15" s="112"/>
      <c r="M15" s="87"/>
      <c r="N15" s="87"/>
      <c r="O15" s="52"/>
      <c r="P15" s="52"/>
      <c r="Q15" s="52"/>
    </row>
    <row r="16" spans="1:63" s="40" customFormat="1" ht="33" customHeight="1" x14ac:dyDescent="0.25">
      <c r="A16" s="80" t="s">
        <v>10</v>
      </c>
      <c r="B16" s="65"/>
      <c r="C16" s="66"/>
      <c r="D16" s="80"/>
      <c r="E16" s="80"/>
      <c r="F16" s="80"/>
      <c r="G16" s="81"/>
      <c r="H16" s="92"/>
      <c r="I16" s="94"/>
      <c r="J16" s="93"/>
      <c r="K16" s="161"/>
      <c r="L16" s="112"/>
      <c r="M16" s="87"/>
      <c r="N16" s="87"/>
      <c r="O16" s="52"/>
      <c r="P16" s="52"/>
      <c r="Q16" s="52"/>
    </row>
    <row r="17" spans="1:17" s="40" customFormat="1" ht="33" customHeight="1" x14ac:dyDescent="0.25">
      <c r="A17" s="82" t="s">
        <v>11</v>
      </c>
      <c r="B17" s="83"/>
      <c r="C17" s="84"/>
      <c r="D17" s="82"/>
      <c r="E17" s="82"/>
      <c r="F17" s="82"/>
      <c r="G17" s="82"/>
      <c r="H17" s="95"/>
      <c r="I17" s="96"/>
      <c r="J17" s="98"/>
      <c r="K17" s="162"/>
      <c r="L17" s="112"/>
      <c r="M17" s="87"/>
      <c r="N17" s="87"/>
      <c r="O17" s="52"/>
      <c r="P17" s="52"/>
      <c r="Q17" s="52"/>
    </row>
    <row r="18" spans="1:17" s="40" customFormat="1" ht="14.25" customHeight="1" x14ac:dyDescent="0.25">
      <c r="A18" s="67"/>
      <c r="B18" s="68"/>
      <c r="C18" s="68"/>
      <c r="D18" s="67"/>
      <c r="E18" s="67"/>
      <c r="F18" s="67"/>
      <c r="G18" s="67"/>
      <c r="H18" s="69"/>
      <c r="I18" s="97"/>
      <c r="J18" s="99"/>
      <c r="K18" s="90"/>
      <c r="L18" s="113"/>
      <c r="M18" s="87"/>
      <c r="N18" s="87"/>
      <c r="O18" s="52"/>
      <c r="P18" s="52"/>
      <c r="Q18" s="52"/>
    </row>
    <row r="19" spans="1:17" s="40" customFormat="1" ht="29.25" customHeight="1" x14ac:dyDescent="0.25">
      <c r="A19" s="131" t="s">
        <v>51</v>
      </c>
      <c r="B19" s="131"/>
      <c r="C19" s="131"/>
      <c r="D19" s="131"/>
      <c r="E19" s="131"/>
      <c r="F19" s="131"/>
      <c r="G19" s="131"/>
      <c r="H19" s="131"/>
      <c r="I19" s="131"/>
      <c r="J19" s="131"/>
      <c r="K19" s="131"/>
      <c r="L19" s="114"/>
      <c r="M19" s="87"/>
      <c r="N19" s="87"/>
      <c r="O19" s="52"/>
      <c r="P19" s="52"/>
      <c r="Q19" s="52"/>
    </row>
    <row r="20" spans="1:17" s="40" customFormat="1" ht="33" customHeight="1" x14ac:dyDescent="0.25">
      <c r="A20" s="132" t="s">
        <v>23</v>
      </c>
      <c r="B20" s="132" t="s">
        <v>37</v>
      </c>
      <c r="C20" s="132" t="s">
        <v>38</v>
      </c>
      <c r="D20" s="132" t="s">
        <v>29</v>
      </c>
      <c r="E20" s="132" t="s">
        <v>31</v>
      </c>
      <c r="F20" s="132" t="s">
        <v>39</v>
      </c>
      <c r="G20" s="132" t="s">
        <v>40</v>
      </c>
      <c r="H20" s="129" t="s">
        <v>42</v>
      </c>
      <c r="I20" s="130"/>
      <c r="J20" s="130"/>
      <c r="K20" s="144" t="s">
        <v>47</v>
      </c>
      <c r="L20" s="101"/>
      <c r="M20" s="87"/>
      <c r="N20" s="87"/>
      <c r="O20" s="52"/>
      <c r="P20" s="52"/>
      <c r="Q20" s="52"/>
    </row>
    <row r="21" spans="1:17" s="40" customFormat="1" ht="23.25" customHeight="1" x14ac:dyDescent="0.25">
      <c r="A21" s="133"/>
      <c r="B21" s="133"/>
      <c r="C21" s="133"/>
      <c r="D21" s="133"/>
      <c r="E21" s="133"/>
      <c r="F21" s="133"/>
      <c r="G21" s="133"/>
      <c r="H21" s="50" t="s">
        <v>25</v>
      </c>
      <c r="I21" s="51" t="s">
        <v>26</v>
      </c>
      <c r="J21" s="85" t="s">
        <v>27</v>
      </c>
      <c r="K21" s="145"/>
      <c r="L21" s="101"/>
      <c r="M21" s="87"/>
      <c r="N21" s="87"/>
      <c r="O21" s="52"/>
      <c r="P21" s="52"/>
      <c r="Q21" s="52"/>
    </row>
    <row r="22" spans="1:17" s="40" customFormat="1" ht="14.25" customHeight="1" x14ac:dyDescent="0.25">
      <c r="A22" s="118" t="s">
        <v>0</v>
      </c>
      <c r="B22" s="119" t="s">
        <v>10</v>
      </c>
      <c r="C22" s="119" t="s">
        <v>11</v>
      </c>
      <c r="D22" s="120" t="s">
        <v>12</v>
      </c>
      <c r="E22" s="121" t="s">
        <v>13</v>
      </c>
      <c r="F22" s="122" t="s">
        <v>14</v>
      </c>
      <c r="G22" s="117" t="s">
        <v>15</v>
      </c>
      <c r="H22" s="123" t="s">
        <v>16</v>
      </c>
      <c r="I22" s="124" t="s">
        <v>17</v>
      </c>
      <c r="J22" s="125" t="s">
        <v>33</v>
      </c>
      <c r="K22" s="126" t="s">
        <v>34</v>
      </c>
      <c r="L22" s="111"/>
      <c r="M22" s="87"/>
      <c r="N22" s="87"/>
      <c r="O22" s="52"/>
      <c r="P22" s="52"/>
      <c r="Q22" s="52"/>
    </row>
    <row r="23" spans="1:17" s="40" customFormat="1" ht="33" customHeight="1" x14ac:dyDescent="0.25">
      <c r="A23" s="81" t="s">
        <v>0</v>
      </c>
      <c r="B23" s="63"/>
      <c r="C23" s="64"/>
      <c r="D23" s="79"/>
      <c r="E23" s="79"/>
      <c r="F23" s="79"/>
      <c r="G23" s="79"/>
      <c r="H23" s="92"/>
      <c r="I23" s="94"/>
      <c r="J23" s="93"/>
      <c r="K23" s="152" t="s">
        <v>58</v>
      </c>
      <c r="L23" s="112"/>
      <c r="M23" s="87"/>
      <c r="N23" s="87"/>
      <c r="O23" s="52"/>
      <c r="P23" s="52"/>
      <c r="Q23" s="52"/>
    </row>
    <row r="24" spans="1:17" s="40" customFormat="1" ht="33" customHeight="1" x14ac:dyDescent="0.25">
      <c r="A24" s="80" t="s">
        <v>10</v>
      </c>
      <c r="B24" s="65"/>
      <c r="C24" s="66"/>
      <c r="D24" s="80"/>
      <c r="E24" s="80"/>
      <c r="F24" s="80"/>
      <c r="G24" s="81"/>
      <c r="H24" s="92"/>
      <c r="I24" s="94"/>
      <c r="J24" s="93"/>
      <c r="K24" s="153"/>
      <c r="L24" s="112"/>
      <c r="M24" s="87"/>
      <c r="N24" s="87"/>
      <c r="O24" s="52"/>
      <c r="P24" s="52"/>
      <c r="Q24" s="52"/>
    </row>
    <row r="25" spans="1:17" s="40" customFormat="1" ht="33" customHeight="1" x14ac:dyDescent="0.25">
      <c r="A25" s="82" t="s">
        <v>11</v>
      </c>
      <c r="B25" s="83"/>
      <c r="C25" s="84"/>
      <c r="D25" s="82"/>
      <c r="E25" s="82"/>
      <c r="F25" s="82"/>
      <c r="G25" s="82"/>
      <c r="H25" s="95"/>
      <c r="I25" s="105"/>
      <c r="J25" s="106"/>
      <c r="K25" s="154"/>
      <c r="L25" s="112"/>
      <c r="M25" s="87"/>
      <c r="N25" s="87"/>
      <c r="O25" s="52"/>
      <c r="P25" s="52"/>
      <c r="Q25" s="52"/>
    </row>
    <row r="26" spans="1:17" s="13" customFormat="1" ht="15.75" customHeight="1" x14ac:dyDescent="0.2">
      <c r="A26" s="67"/>
      <c r="B26" s="23"/>
      <c r="C26" s="10"/>
      <c r="D26" s="41"/>
      <c r="F26" s="14"/>
      <c r="G26" s="14"/>
      <c r="H26" s="14"/>
      <c r="I26" s="14"/>
      <c r="J26" s="26"/>
      <c r="K26" s="26"/>
      <c r="L26" s="26"/>
      <c r="M26" s="26"/>
      <c r="N26" s="26"/>
    </row>
    <row r="27" spans="1:17" s="40" customFormat="1" ht="33" customHeight="1" x14ac:dyDescent="0.25">
      <c r="A27" s="67"/>
      <c r="B27" s="68"/>
      <c r="C27" s="68"/>
      <c r="D27" s="67"/>
      <c r="E27" s="67"/>
      <c r="F27" s="67"/>
      <c r="G27" s="67"/>
      <c r="H27" s="67"/>
      <c r="I27" s="69"/>
      <c r="J27" s="70"/>
      <c r="K27" s="69"/>
      <c r="L27" s="69"/>
      <c r="M27" s="71"/>
      <c r="N27" s="52"/>
      <c r="O27" s="52"/>
      <c r="P27" s="52"/>
      <c r="Q27" s="52"/>
    </row>
    <row r="28" spans="1:17" s="18" customFormat="1" ht="20.100000000000001" customHeight="1" x14ac:dyDescent="0.2">
      <c r="A28" s="42" t="s">
        <v>52</v>
      </c>
      <c r="B28" s="42"/>
      <c r="C28" s="156"/>
      <c r="D28" s="156"/>
      <c r="E28" s="25"/>
      <c r="F28" s="17"/>
      <c r="G28" s="17"/>
      <c r="H28" s="17"/>
      <c r="I28" s="17"/>
      <c r="J28" s="17"/>
      <c r="K28" s="26"/>
      <c r="L28" s="26"/>
      <c r="M28" s="26"/>
    </row>
    <row r="29" spans="1:17" s="18" customFormat="1" ht="20.100000000000001" customHeight="1" x14ac:dyDescent="0.2">
      <c r="A29" s="42" t="s">
        <v>53</v>
      </c>
      <c r="B29" s="42"/>
      <c r="C29" s="147"/>
      <c r="D29" s="147"/>
      <c r="E29" s="20"/>
      <c r="F29" s="17"/>
      <c r="G29" s="17"/>
      <c r="H29" s="17"/>
      <c r="I29" s="17"/>
      <c r="J29" s="17"/>
      <c r="K29" s="21"/>
      <c r="L29" s="21"/>
      <c r="M29" s="22"/>
    </row>
    <row r="30" spans="1:17" s="18" customFormat="1" ht="20.100000000000001" customHeight="1" x14ac:dyDescent="0.2">
      <c r="A30" s="42" t="s">
        <v>3</v>
      </c>
      <c r="B30" s="42"/>
      <c r="C30" s="147"/>
      <c r="D30" s="147"/>
      <c r="E30" s="20"/>
      <c r="F30" s="17"/>
      <c r="G30" s="17"/>
      <c r="H30" s="17"/>
      <c r="I30" s="17"/>
      <c r="J30" s="17"/>
      <c r="K30" s="21"/>
      <c r="L30" s="21"/>
      <c r="M30" s="22"/>
    </row>
    <row r="31" spans="1:17" s="18" customFormat="1" ht="20.100000000000001" customHeight="1" x14ac:dyDescent="0.25">
      <c r="A31" s="42"/>
      <c r="B31" s="42"/>
      <c r="C31" s="42"/>
      <c r="D31" s="19"/>
      <c r="E31" s="20"/>
      <c r="F31" s="17"/>
      <c r="G31" s="17"/>
      <c r="H31" s="17"/>
      <c r="I31" s="17"/>
      <c r="J31" s="17"/>
      <c r="K31" s="21"/>
      <c r="L31" s="21"/>
      <c r="M31" s="22"/>
    </row>
    <row r="32" spans="1:17" s="18" customFormat="1" ht="20.100000000000001" customHeight="1" x14ac:dyDescent="0.2">
      <c r="A32" s="42" t="s">
        <v>4</v>
      </c>
      <c r="B32" s="42"/>
      <c r="C32" s="156"/>
      <c r="D32" s="156"/>
      <c r="E32" s="20"/>
      <c r="F32" s="17"/>
      <c r="G32" s="17"/>
      <c r="H32" s="17"/>
      <c r="I32" s="17"/>
      <c r="J32" s="17"/>
      <c r="K32" s="21"/>
      <c r="L32" s="21"/>
      <c r="M32" s="22"/>
    </row>
    <row r="33" spans="1:14" s="18" customFormat="1" ht="20.100000000000001" customHeight="1" x14ac:dyDescent="0.2">
      <c r="A33" s="42" t="s">
        <v>5</v>
      </c>
      <c r="B33" s="42"/>
      <c r="C33" s="147"/>
      <c r="D33" s="147"/>
      <c r="E33" s="20"/>
      <c r="F33" s="17"/>
      <c r="G33" s="27" t="s">
        <v>18</v>
      </c>
      <c r="H33" s="150"/>
      <c r="I33" s="150"/>
      <c r="J33" s="17"/>
      <c r="K33" s="21"/>
      <c r="L33" s="21"/>
      <c r="M33" s="22"/>
    </row>
    <row r="34" spans="1:14" s="18" customFormat="1" ht="20.100000000000001" customHeight="1" x14ac:dyDescent="0.2">
      <c r="A34" s="42" t="s">
        <v>6</v>
      </c>
      <c r="B34" s="42"/>
      <c r="C34" s="147"/>
      <c r="D34" s="147"/>
      <c r="E34" s="20"/>
      <c r="F34" s="17"/>
      <c r="G34" s="28"/>
      <c r="H34" s="29"/>
      <c r="I34" s="29"/>
    </row>
    <row r="35" spans="1:14" s="18" customFormat="1" ht="20.100000000000001" customHeight="1" x14ac:dyDescent="0.25">
      <c r="A35" s="19"/>
      <c r="B35" s="19"/>
      <c r="C35" s="19"/>
      <c r="D35" s="20"/>
      <c r="E35" s="20"/>
      <c r="F35" s="17"/>
      <c r="G35" s="30" t="s">
        <v>19</v>
      </c>
      <c r="H35" s="151"/>
      <c r="I35" s="151"/>
    </row>
    <row r="36" spans="1:14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0</v>
      </c>
      <c r="H36" s="149"/>
      <c r="I36" s="149"/>
    </row>
    <row r="37" spans="1:14" s="13" customFormat="1" ht="20.100000000000001" customHeight="1" x14ac:dyDescent="0.2">
      <c r="A37" s="10" t="s">
        <v>2</v>
      </c>
      <c r="B37" s="147"/>
      <c r="C37" s="147"/>
      <c r="D37" s="11"/>
      <c r="E37" s="11"/>
      <c r="F37" s="14"/>
      <c r="G37" s="31" t="s">
        <v>21</v>
      </c>
      <c r="H37" s="28"/>
      <c r="I37" s="32"/>
      <c r="N37" s="10"/>
    </row>
    <row r="38" spans="1:14" s="13" customFormat="1" ht="20.100000000000001" customHeight="1" x14ac:dyDescent="0.2">
      <c r="A38" s="10" t="s">
        <v>1</v>
      </c>
      <c r="B38" s="148"/>
      <c r="C38" s="148"/>
      <c r="D38" s="11"/>
      <c r="E38" s="11"/>
      <c r="F38" s="14"/>
      <c r="G38" s="14"/>
      <c r="H38" s="14"/>
      <c r="I38" s="14"/>
      <c r="N38" s="10"/>
    </row>
    <row r="39" spans="1:14" s="13" customFormat="1" x14ac:dyDescent="0.2">
      <c r="A39" s="10"/>
      <c r="B39" s="10"/>
      <c r="C39" s="10"/>
      <c r="D39" s="11"/>
      <c r="E39" s="11"/>
      <c r="F39" s="14"/>
      <c r="G39" s="14"/>
      <c r="H39" s="14"/>
      <c r="I39" s="14"/>
      <c r="J39" s="14"/>
      <c r="K39" s="12"/>
      <c r="L39" s="12"/>
      <c r="M39" s="10"/>
      <c r="N39" s="10"/>
    </row>
    <row r="40" spans="1:14" s="13" customFormat="1" ht="15" customHeight="1" x14ac:dyDescent="0.2">
      <c r="A40" s="10"/>
      <c r="B40" s="10"/>
      <c r="D40" s="11"/>
      <c r="E40" s="11"/>
      <c r="F40" s="14"/>
      <c r="G40" s="14"/>
      <c r="H40" s="14"/>
      <c r="I40" s="14"/>
      <c r="J40" s="14"/>
      <c r="K40" s="12"/>
      <c r="L40" s="12"/>
      <c r="M40" s="10"/>
      <c r="N40" s="10"/>
    </row>
    <row r="41" spans="1:14" s="2" customFormat="1" x14ac:dyDescent="0.2">
      <c r="A41" s="146" t="s">
        <v>8</v>
      </c>
      <c r="B41" s="146"/>
      <c r="D41" s="3"/>
      <c r="E41" s="3"/>
      <c r="F41" s="4"/>
      <c r="G41" s="4"/>
      <c r="H41" s="4"/>
      <c r="I41" s="4"/>
      <c r="J41" s="4"/>
      <c r="K41" s="15"/>
      <c r="L41" s="15"/>
    </row>
    <row r="42" spans="1:14" ht="14.25" x14ac:dyDescent="0.2">
      <c r="A42" s="33"/>
      <c r="B42" s="91" t="s">
        <v>9</v>
      </c>
    </row>
    <row r="43" spans="1:14" ht="6.75" customHeight="1" x14ac:dyDescent="0.2">
      <c r="A43" s="34"/>
      <c r="B43" s="35"/>
    </row>
  </sheetData>
  <mergeCells count="46">
    <mergeCell ref="D12:D13"/>
    <mergeCell ref="K23:K25"/>
    <mergeCell ref="I4:L4"/>
    <mergeCell ref="C32:D32"/>
    <mergeCell ref="C33:D33"/>
    <mergeCell ref="K12:K13"/>
    <mergeCell ref="C30:D30"/>
    <mergeCell ref="C28:D28"/>
    <mergeCell ref="C29:D29"/>
    <mergeCell ref="E4:E5"/>
    <mergeCell ref="F4:F5"/>
    <mergeCell ref="G4:G5"/>
    <mergeCell ref="K15:K17"/>
    <mergeCell ref="A19:K19"/>
    <mergeCell ref="A20:A21"/>
    <mergeCell ref="B20:B21"/>
    <mergeCell ref="H20:J20"/>
    <mergeCell ref="K20:K21"/>
    <mergeCell ref="A41:B41"/>
    <mergeCell ref="B37:C37"/>
    <mergeCell ref="B38:C38"/>
    <mergeCell ref="H36:I36"/>
    <mergeCell ref="H33:I33"/>
    <mergeCell ref="H35:I35"/>
    <mergeCell ref="C34:D34"/>
    <mergeCell ref="C20:C21"/>
    <mergeCell ref="D20:D21"/>
    <mergeCell ref="E20:E21"/>
    <mergeCell ref="F20:F21"/>
    <mergeCell ref="G20:G21"/>
    <mergeCell ref="A1:N1"/>
    <mergeCell ref="H12:J12"/>
    <mergeCell ref="A11:K11"/>
    <mergeCell ref="E12:E13"/>
    <mergeCell ref="F12:F13"/>
    <mergeCell ref="G12:G13"/>
    <mergeCell ref="A3:M3"/>
    <mergeCell ref="A4:A5"/>
    <mergeCell ref="B4:B5"/>
    <mergeCell ref="M4:N4"/>
    <mergeCell ref="C4:C5"/>
    <mergeCell ref="D4:D5"/>
    <mergeCell ref="M12:N12"/>
    <mergeCell ref="A12:A13"/>
    <mergeCell ref="B12:B13"/>
    <mergeCell ref="C12:C13"/>
  </mergeCells>
  <conditionalFormatting sqref="B37:C37">
    <cfRule type="containsBlanks" dxfId="7" priority="23">
      <formula>LEN(TRIM(B37))=0</formula>
    </cfRule>
  </conditionalFormatting>
  <conditionalFormatting sqref="B38:C38">
    <cfRule type="containsBlanks" dxfId="6" priority="22">
      <formula>LEN(TRIM(B38))=0</formula>
    </cfRule>
  </conditionalFormatting>
  <conditionalFormatting sqref="H35:I35">
    <cfRule type="containsBlanks" dxfId="5" priority="9">
      <formula>LEN(TRIM(H35))=0</formula>
    </cfRule>
  </conditionalFormatting>
  <conditionalFormatting sqref="H36:I36">
    <cfRule type="containsBlanks" dxfId="4" priority="8">
      <formula>LEN(TRIM(H36))=0</formula>
    </cfRule>
  </conditionalFormatting>
  <conditionalFormatting sqref="C28:D30">
    <cfRule type="containsBlanks" dxfId="3" priority="4">
      <formula>LEN(TRIM(C28))=0</formula>
    </cfRule>
  </conditionalFormatting>
  <conditionalFormatting sqref="C32:D34">
    <cfRule type="containsBlanks" dxfId="2" priority="3">
      <formula>LEN(TRIM(C32))=0</formula>
    </cfRule>
  </conditionalFormatting>
  <conditionalFormatting sqref="E7:H8">
    <cfRule type="containsBlanks" dxfId="1" priority="2">
      <formula>LEN(TRIM(E7))=0</formula>
    </cfRule>
  </conditionalFormatting>
  <conditionalFormatting sqref="I7:J8">
    <cfRule type="containsBlanks" dxfId="0" priority="1">
      <formula>LEN(TRIM(I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50" fitToWidth="0" orientation="landscape" r:id="rId1"/>
  <headerFooter alignWithMargins="0"/>
  <colBreaks count="1" manualBreakCount="1">
    <brk id="14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5-30T08:06:53Z</cp:lastPrinted>
  <dcterms:created xsi:type="dcterms:W3CDTF">2016-07-20T08:41:08Z</dcterms:created>
  <dcterms:modified xsi:type="dcterms:W3CDTF">2023-06-07T08:17:44Z</dcterms:modified>
</cp:coreProperties>
</file>